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0" r:id="rId2"/>
    <p:sldId id="261" r:id="rId3"/>
    <p:sldId id="265" r:id="rId4"/>
    <p:sldId id="263" r:id="rId5"/>
    <p:sldId id="264" r:id="rId6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98" d="100"/>
          <a:sy n="98" d="100"/>
        </p:scale>
        <p:origin x="274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1159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9215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6910863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593109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391938311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690172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317655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3892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12834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4642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91728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38292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06040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56530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654710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19444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9/3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74554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5539" y="51955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latin typeface="Calibri" panose="020F0502020204030204" pitchFamily="34" charset="0"/>
              </a:rPr>
              <a:t>2017</a:t>
            </a:r>
            <a:endParaRPr lang="en-US" b="1" spc="-38" dirty="0"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6074" y="51955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latin typeface="Calibri" panose="020F0502020204030204" pitchFamily="34" charset="0"/>
              </a:rPr>
              <a:t>2020</a:t>
            </a:r>
            <a:endParaRPr lang="en-US" b="1" spc="-38" dirty="0"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8890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1934586" y="5547726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6982424" y="5790285"/>
            <a:ext cx="1009828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August, 201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Start of game</a:t>
            </a:r>
          </a:p>
          <a:p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     development</a:t>
            </a:r>
            <a:endParaRPr lang="en-US" sz="12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3044136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50787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7113286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11"/>
            </p:custDataLst>
          </p:nvPr>
        </p:nvCxnSpPr>
        <p:spPr>
          <a:xfrm>
            <a:off x="9147860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/>
          <p:cNvSpPr/>
          <p:nvPr/>
        </p:nvSpPr>
        <p:spPr>
          <a:xfrm>
            <a:off x="3792245" y="5120274"/>
            <a:ext cx="63325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b="1" spc="-38" dirty="0" smtClean="0">
                <a:latin typeface="Calibri" panose="020F0502020204030204" pitchFamily="34" charset="0"/>
              </a:rPr>
              <a:t>2018</a:t>
            </a:r>
            <a:endParaRPr lang="en-US" b="1" spc="-38" dirty="0"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7395833" y="5548265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/>
          <p:cNvSpPr/>
          <p:nvPr/>
        </p:nvSpPr>
        <p:spPr>
          <a:xfrm>
            <a:off x="7750779" y="5155168"/>
            <a:ext cx="63325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b="1" spc="-38" dirty="0" smtClean="0">
                <a:latin typeface="Calibri" panose="020F0502020204030204" pitchFamily="34" charset="0"/>
              </a:rPr>
              <a:t>2019</a:t>
            </a:r>
            <a:endParaRPr lang="en-US" b="1" spc="-38" dirty="0"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5411118" y="5547726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537104" y="5790285"/>
            <a:ext cx="1339534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June, 2017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First Week of </a:t>
            </a:r>
          </a:p>
          <a:p>
            <a: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    </a:t>
            </a:r>
            <a:r>
              <a:rPr lang="en-US" sz="1200" b="1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ennovation</a:t>
            </a: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 Camp</a:t>
            </a:r>
          </a:p>
        </p:txBody>
      </p:sp>
      <p:sp>
        <p:nvSpPr>
          <p:cNvPr id="26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4700782" y="5790285"/>
            <a:ext cx="1569276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June, 2018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ennovation</a:t>
            </a: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 Camp 2.0</a:t>
            </a:r>
          </a:p>
        </p:txBody>
      </p:sp>
      <p:sp>
        <p:nvSpPr>
          <p:cNvPr id="27" name="OTLSHAPE_TB_00000000000000000000000000000000_TodayMarkerShape"/>
          <p:cNvSpPr/>
          <p:nvPr>
            <p:custDataLst>
              <p:tags r:id="rId16"/>
            </p:custDataLst>
          </p:nvPr>
        </p:nvSpPr>
        <p:spPr>
          <a:xfrm>
            <a:off x="10149391" y="5562055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TodayMarkerText"/>
          <p:cNvSpPr txBox="1"/>
          <p:nvPr>
            <p:custDataLst>
              <p:tags r:id="rId17"/>
            </p:custDataLst>
          </p:nvPr>
        </p:nvSpPr>
        <p:spPr>
          <a:xfrm>
            <a:off x="9641662" y="5790285"/>
            <a:ext cx="1399756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b="1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ennovation’s</a:t>
            </a:r>
            <a:r>
              <a:rPr lang="en-US" sz="12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 T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200" b="1" spc="-12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34244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11015" y="164123"/>
            <a:ext cx="11785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/>
              <a:t>TENNOVATION’S TA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211015" y="1297353"/>
            <a:ext cx="11691816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teractive News App / Attendance Ap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hared New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teractive Games in which viewers are competing against each other and working togeth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WHY?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Give kids a dopamine boost to increase engagement and willingness to lear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Increase collaboration and comradery in classroom, make students feel more comfortable with classmates and teacher so they can fully immerse themselves in the learning proces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762905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11015" y="164123"/>
            <a:ext cx="11785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/>
              <a:t>COMPETITIVE ADVANTAGES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211015" y="1297353"/>
            <a:ext cx="11691816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reative Freedo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In a market where we can compete creatively</a:t>
            </a:r>
          </a:p>
          <a:p>
            <a:pPr lvl="1"/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Web accessible compared to some other similar appl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Google </a:t>
            </a:r>
            <a:r>
              <a:rPr lang="en-US" dirty="0" err="1" smtClean="0"/>
              <a:t>Firestore</a:t>
            </a:r>
            <a:r>
              <a:rPr lang="en-US" dirty="0" smtClean="0"/>
              <a:t> as PWA’s backen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Easily scalable, marketabl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Secur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Great oversight of data</a:t>
            </a:r>
          </a:p>
        </p:txBody>
      </p:sp>
    </p:spTree>
    <p:extLst>
      <p:ext uri="{BB962C8B-B14F-4D97-AF65-F5344CB8AC3E}">
        <p14:creationId xmlns:p14="http://schemas.microsoft.com/office/powerpoint/2010/main" val="34249045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11015" y="164123"/>
            <a:ext cx="11785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/>
              <a:t>BUSINESS MODEL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211015" y="1281723"/>
            <a:ext cx="1169181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embership to </a:t>
            </a:r>
            <a:r>
              <a:rPr lang="en-US" dirty="0" err="1" smtClean="0"/>
              <a:t>Tennovation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ay to play gam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vesting in a Game Company making PWA games for teachers and studen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450591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211015" y="164123"/>
            <a:ext cx="11785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/>
              <a:t>Next Steps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211015" y="1281723"/>
            <a:ext cx="1169181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vesting to hire full time &amp; part time employees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VP, polished and ready to te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Trials in camps/classrooms (STEM camps, College Classroom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Future Pla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Global STEM Challenges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dirty="0" smtClean="0"/>
              <a:t>Example: required materials for weekly class STEM challeng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Partnerships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dirty="0" smtClean="0"/>
              <a:t>Example: </a:t>
            </a:r>
            <a:r>
              <a:rPr lang="en-US" dirty="0" err="1" smtClean="0"/>
              <a:t>SpaceX</a:t>
            </a:r>
            <a:r>
              <a:rPr lang="en-US" dirty="0" smtClean="0"/>
              <a:t> tour to winning clas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10253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M0LCJHIjoxMzQsIkIiOjY4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zQsIkciOjEzNCwiQiI6Njh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CwiRyI6MC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wMDAxLTAxLTAxVDAwOjAwOjAwIiwiRm9ybWF0IjoidyIsIlR5cGUiOjEsIkF1dG9EYXRlUmFuZ2UiOnRydWUsIldvcmtpbmdEYXlzIjozMSwiVG9kYXlNYXJrZXJUZXh0IjoiVG9kYXkiLCJBdXRvU2NhbGVUeXBlIjp0cnVlfSwiTWlsZXN0b25lcyI6W10sIlRhc2tzIjpbeyIkaWQiOiIxMjgiLCJHcm91cE5hbWUiOm51bGwsIlN0YXJ0RGF0ZSI6IjIwMTktMDktMDNUMDA6MDA6MDAiLCJFbmREYXRlIjoiMjAxOS0wOS0wM1QyMzo1OTowMCIsIlBlcmNlbnRhZ2VDb21wbGV0ZSI6bnVsbCwiU3R5bGUiOnsiJGlkIjoiMTI5IiwiU2hhcGUiOjc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5MSwiRyI6MTU1LCJCIjoyMTN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A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mIyNjIzMDU2LWIxNjUtNGI1My1hZTA4LTQwZDM2OTZlMGI0YiIsIkltcG9ydElkIjpudWxsLCJUaXRsZSI6bnVsbCwiTm90ZSI6bnVsbCwiSHlwZXJsaW5rIjpudWxsLCJJc0NoYW5nZWQiOmZhbHNlLCJJc05ldyI6ZmFsc2V9XSwiTXNQcm9qZWN0SXRlbXNUcmVlIjp7IiRpZCI6IjE2MyIsIlJvb3QiOnsiSW1wb3J0SWQiOm51bGwsIklzSW1wb3J0ZWQiOmZhbHNlLCJDaGlsZHJlbiI6W119fSwiTWV0YWRhdGEiOnsiJGlkIjoiMTY0IiwiUmVjZW50Q29sb3JzQ29sbGVjdGlvbiI6IltdIn0sIlNldHRpbmdzIjp7IiRpZCI6IjE2NSIsIkltcGFPcHRpb25zIjp7IiRpZCI6IjE2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Y3IiwiVXNlVGltZSI6ZmFsc2UsIldvcmtEYXlTdGFydCI6IjAwOjAwOjAwIiwiV29ya0RheUVuZCI6IjIzOjU5OjAwIn0sIkxhc3RVc2VkVGVtcGxhdGVJZCI6IjRiNjlmYjNlLWZhMTktNDBlNi1iYzhjLTI1YTBmOTFhMzI5MiJ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0</TotalTime>
  <Words>198</Words>
  <Application>Microsoft Office PowerPoint</Application>
  <PresentationFormat>Widescreen</PresentationFormat>
  <Paragraphs>44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0" baseType="lpstr">
      <vt:lpstr>Arial</vt:lpstr>
      <vt:lpstr>Calibri</vt:lpstr>
      <vt:lpstr>Trebuchet MS</vt:lpstr>
      <vt:lpstr>Wingdings 3</vt:lpstr>
      <vt:lpstr>Facet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19-09-03T18:18:30Z</dcterms:modified>
</cp:coreProperties>
</file>